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8"/>
  </p:sldMasterIdLst>
  <p:notesMasterIdLst>
    <p:notesMasterId r:id="rId11"/>
  </p:notesMasterIdLst>
  <p:handoutMasterIdLst>
    <p:handoutMasterId r:id="rId12"/>
  </p:handoutMasterIdLst>
  <p:sldIdLst>
    <p:sldId id="364" r:id="rId9"/>
    <p:sldId id="365" r:id="rId10"/>
  </p:sldIdLst>
  <p:sldSz cx="12195175" cy="6858000"/>
  <p:notesSz cx="6858000" cy="9144000"/>
  <p:embeddedFontLst>
    <p:embeddedFont>
      <p:font typeface="72 Brand" panose="020B0504030603020204" pitchFamily="34" charset="0"/>
      <p:regular r:id="rId13"/>
      <p:bold r:id="rId14"/>
      <p:italic r:id="rId15"/>
      <p:boldItalic r:id="rId16"/>
    </p:embeddedFont>
    <p:embeddedFont>
      <p:font typeface="72 Brand Medium" panose="020B0604030603020204" pitchFamily="34" charset="0"/>
      <p:regular r:id="rId17"/>
      <p:italic r:id="rId18"/>
    </p:embeddedFont>
    <p:embeddedFont>
      <p:font typeface="Roboto" panose="02000000000000000000" pitchFamily="2" charset="0"/>
      <p:regular r:id="rId19"/>
      <p:bold r:id="rId20"/>
      <p:italic r:id="rId21"/>
      <p:boldItalic r:id="rId22"/>
    </p:embeddedFont>
  </p:embeddedFontLst>
  <p:custDataLst>
    <p:tags r:id="rId2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44A"/>
    <a:srgbClr val="FFFFFF"/>
    <a:srgbClr val="060E5E"/>
    <a:srgbClr val="FECD1A"/>
    <a:srgbClr val="FD3A69"/>
    <a:srgbClr val="060E6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14" autoAdjust="0"/>
    <p:restoredTop sz="94413" autoAdjust="0"/>
  </p:normalViewPr>
  <p:slideViewPr>
    <p:cSldViewPr snapToGrid="0" showGuides="1">
      <p:cViewPr>
        <p:scale>
          <a:sx n="75" d="100"/>
          <a:sy n="75" d="100"/>
        </p:scale>
        <p:origin x="43" y="144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font" Target="fonts/font1.fntdata"/><Relationship Id="rId18" Type="http://schemas.openxmlformats.org/officeDocument/2006/relationships/font" Target="fonts/font6.fntdata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nt" Target="fonts/font9.fntdata"/><Relationship Id="rId7" Type="http://schemas.openxmlformats.org/officeDocument/2006/relationships/customXml" Target="../customXml/item7.xml"/><Relationship Id="rId12" Type="http://schemas.openxmlformats.org/officeDocument/2006/relationships/handoutMaster" Target="handoutMasters/handoutMaster1.xml"/><Relationship Id="rId17" Type="http://schemas.openxmlformats.org/officeDocument/2006/relationships/font" Target="fonts/font5.fntdata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font" Target="fonts/font4.fntdata"/><Relationship Id="rId20" Type="http://schemas.openxmlformats.org/officeDocument/2006/relationships/font" Target="fonts/font8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font" Target="fonts/font3.fntdata"/><Relationship Id="rId23" Type="http://schemas.openxmlformats.org/officeDocument/2006/relationships/tags" Target="tags/tag1.xml"/><Relationship Id="rId10" Type="http://schemas.openxmlformats.org/officeDocument/2006/relationships/slide" Target="slides/slide2.xml"/><Relationship Id="rId19" Type="http://schemas.openxmlformats.org/officeDocument/2006/relationships/font" Target="fonts/font7.fntdata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font" Target="fonts/font2.fntdata"/><Relationship Id="rId22" Type="http://schemas.openxmlformats.org/officeDocument/2006/relationships/font" Target="fonts/font10.fntdata"/><Relationship Id="rId27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bin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5" name="LogoBlue-Dynamic" descr="{&quot;templafy&quot;:{&quot;id&quot;:&quot;a0ac9992-fd82-4d9f-9f8f-3c4e61abfea7&quot;}}">
            <a:extLst>
              <a:ext uri="{FF2B5EF4-FFF2-40B4-BE49-F238E27FC236}">
                <a16:creationId xmlns:a16="http://schemas.microsoft.com/office/drawing/2014/main" id="{FF7B8CD0-1BFA-08E1-444C-DB5F568BB12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Classification-Dynamic" descr="{&quot;templafy&quot;:{&quot;id&quot;:&quot;875588db-ab0c-48df-b14c-bba850e89fd4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Black-Dynamic" descr="{&quot;templafy&quot;:{&quot;id&quot;:&quot;529053bf-483d-4029-80cb-c2f664cb9b85&quot;}}">
            <a:extLst>
              <a:ext uri="{FF2B5EF4-FFF2-40B4-BE49-F238E27FC236}">
                <a16:creationId xmlns:a16="http://schemas.microsoft.com/office/drawing/2014/main" id="{6F517C48-28CD-5089-ED8A-57BF0CC2794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8bc02bef-9b28-4859-a5a0-1b7f9f164ef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de91e729-5bb1-4795-9fea-362174f4747e&quot;}}">
            <a:extLst>
              <a:ext uri="{FF2B5EF4-FFF2-40B4-BE49-F238E27FC236}">
                <a16:creationId xmlns:a16="http://schemas.microsoft.com/office/drawing/2014/main" id="{D1190656-DEBD-FEA9-516B-DD318272D18E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a7bfa048-fe09-4bc0-9368-3d4a05fc6694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33a95fff-b2fb-4d19-bcbf-974d4dc636ad&quot;}}">
            <a:extLst>
              <a:ext uri="{FF2B5EF4-FFF2-40B4-BE49-F238E27FC236}">
                <a16:creationId xmlns:a16="http://schemas.microsoft.com/office/drawing/2014/main" id="{DAF77494-7969-7420-F0E8-876B83E39BD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Classification-Dynamic" descr="{&quot;templafy&quot;:{&quot;id&quot;:&quot;1e847fea-e6bf-426f-bd13-589b4eb52b32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Roboto" panose="02000000000000000000" pitchFamily="2" charset="0"/>
              <a:buChar char="​"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,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Image 0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0" y="0"/>
            <a:ext cx="12195175" cy="6861496"/>
          </a:xfrm>
          <a:prstGeom prst="rect">
            <a:avLst/>
          </a:prstGeom>
        </p:spPr>
      </p:pic>
      <p:pic>
        <p:nvPicPr>
          <p:cNvPr id="11" name="Image 1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52355" y="1156532"/>
            <a:ext cx="5613722" cy="2756252"/>
          </a:xfrm>
          <a:prstGeom prst="rect">
            <a:avLst/>
          </a:prstGeom>
        </p:spPr>
      </p:pic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206502"/>
            <a:ext cx="55678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a2d983ff-7e26-44a8-ae56-49716b6efc9d&quot;}}">
            <a:extLst>
              <a:ext uri="{FF2B5EF4-FFF2-40B4-BE49-F238E27FC236}">
                <a16:creationId xmlns:a16="http://schemas.microsoft.com/office/drawing/2014/main" id="{032494F6-48CD-A02A-329B-1D3AE74E0E9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a5adb6d0-6bfb-4c6b-ba9f-cc85b698ab79&quot;}}">
            <a:extLst>
              <a:ext uri="{FF2B5EF4-FFF2-40B4-BE49-F238E27FC236}">
                <a16:creationId xmlns:a16="http://schemas.microsoft.com/office/drawing/2014/main" id="{A6D6797F-FF5B-BE1A-D940-2289CF2968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833965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White-Dynamic" descr="{&quot;templafy&quot;:{&quot;id&quot;:&quot;6b80313d-2fb5-4787-a28f-c35e41640fad&quot;}}">
            <a:extLst>
              <a:ext uri="{FF2B5EF4-FFF2-40B4-BE49-F238E27FC236}">
                <a16:creationId xmlns:a16="http://schemas.microsoft.com/office/drawing/2014/main" id="{1B320325-E461-1EF2-0F59-CB86E0E6F9E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Classification-Dynamic" descr="{&quot;templafy&quot;:{&quot;id&quot;:&quot;ecff37a8-d50d-48a9-baf4-f0d3e6dbf3b4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c7b4e9f9-3f6f-4e3b-9d75-9af04fe7bfb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93ca9c6a-8a49-4268-811a-224367b582f8&quot;}}">
            <a:extLst>
              <a:ext uri="{FF2B5EF4-FFF2-40B4-BE49-F238E27FC236}">
                <a16:creationId xmlns:a16="http://schemas.microsoft.com/office/drawing/2014/main" id="{0B97AABB-AB35-5D1E-370F-103F22E1157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Classification-Dynamic" descr="{&quot;templafy&quot;:{&quot;id&quot;:&quot;60cd6c4d-0e48-44d1-98b0-ffa88a49d4b4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115e00a6-ce74-42db-968b-978229784cdb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Black-Dynamic" descr="{&quot;templafy&quot;:{&quot;id&quot;:&quot;29484993-5489-474a-8d89-6f9d7f37ddde&quot;}}">
            <a:extLst>
              <a:ext uri="{FF2B5EF4-FFF2-40B4-BE49-F238E27FC236}">
                <a16:creationId xmlns:a16="http://schemas.microsoft.com/office/drawing/2014/main" id="{9890E76A-908A-C687-D029-53FB8DB3A88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sp>
        <p:nvSpPr>
          <p:cNvPr id="6" name="LogoBlue-Dynamic" descr="{&quot;templafy&quot;:{&quot;id&quot;:&quot;ca80d2d7-4d92-4ba5-afad-4c3f10f43ed2&quot;}}">
            <a:extLst>
              <a:ext uri="{FF2B5EF4-FFF2-40B4-BE49-F238E27FC236}">
                <a16:creationId xmlns:a16="http://schemas.microsoft.com/office/drawing/2014/main" id="{910E499D-8DEA-41A7-80A4-13BE1C7038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62186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Classification-Dynamic" descr="{&quot;templafy&quot;:{&quot;id&quot;:&quot;913d0042-08d6-4f76-9998-0e07de5e0e91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f6c71bc2-28d7-43eb-b32c-7d33ea1ef0f4&quot;}}">
            <a:extLst>
              <a:ext uri="{FF2B5EF4-FFF2-40B4-BE49-F238E27FC236}">
                <a16:creationId xmlns:a16="http://schemas.microsoft.com/office/drawing/2014/main" id="{65992DD7-F456-F593-DE55-17D43CC1A2C0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Classification-Dynamic" descr="{&quot;templafy&quot;:{&quot;id&quot;:&quot;2dc8061e-0f1c-4b16-a9d5-7042717da8d3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LogoBlack-Dynamic" descr="{&quot;templafy&quot;:{&quot;id&quot;:&quot;cac4713c-bd58-4793-baf6-c43fc9874ce4&quot;}}">
            <a:extLst>
              <a:ext uri="{FF2B5EF4-FFF2-40B4-BE49-F238E27FC236}">
                <a16:creationId xmlns:a16="http://schemas.microsoft.com/office/drawing/2014/main" id="{2637A33E-C6A7-7C2A-3068-C4A803D3573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f74c119a-3bfe-44fd-9158-8a12b2d79096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57D2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01a973d9-245c-46ba-8ba4-102fe29ea57c&quot;}}">
            <a:extLst>
              <a:ext uri="{FF2B5EF4-FFF2-40B4-BE49-F238E27FC236}">
                <a16:creationId xmlns:a16="http://schemas.microsoft.com/office/drawing/2014/main" id="{1B2BA827-5E2B-B410-D729-E5CB1E58ED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e2f30211-6978-4a1c-ae71-caa5a60aaeb9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cc8e468e-a684-4436-bb3e-1297295cb50d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endParaRPr lang="en-US" sz="600" b="0" i="0" dirty="0">
              <a:latin typeface="Arial" panose="020B0604020202020204" pitchFamily="34" charset="0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95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10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24545A62-86A2-B4C5-4D82-E2B97170C219}"/>
              </a:ext>
            </a:extLst>
          </p:cNvPr>
          <p:cNvGrpSpPr/>
          <p:nvPr/>
        </p:nvGrpSpPr>
        <p:grpSpPr>
          <a:xfrm>
            <a:off x="1338606" y="1432874"/>
            <a:ext cx="3600000" cy="3600000"/>
            <a:chOff x="1338606" y="1432874"/>
            <a:chExt cx="3600000" cy="3600000"/>
          </a:xfrm>
        </p:grpSpPr>
        <p:sp>
          <p:nvSpPr>
            <p:cNvPr id="7" name="Rectangle: Rounded Corners 6">
              <a:extLst>
                <a:ext uri="{FF2B5EF4-FFF2-40B4-BE49-F238E27FC236}">
                  <a16:creationId xmlns:a16="http://schemas.microsoft.com/office/drawing/2014/main" id="{FD16A6AE-ECAA-77F6-B44C-B7AB32C14B0A}"/>
                </a:ext>
              </a:extLst>
            </p:cNvPr>
            <p:cNvSpPr/>
            <p:nvPr/>
          </p:nvSpPr>
          <p:spPr bwMode="gray">
            <a:xfrm>
              <a:off x="1338606" y="1432874"/>
              <a:ext cx="3600000" cy="3600000"/>
            </a:xfrm>
            <a:prstGeom prst="roundRect">
              <a:avLst/>
            </a:prstGeom>
            <a:gradFill>
              <a:gsLst>
                <a:gs pos="0">
                  <a:srgbClr val="049F9A"/>
                </a:gs>
                <a:gs pos="48000">
                  <a:srgbClr val="2CE0BF"/>
                </a:gs>
                <a:gs pos="100000">
                  <a:srgbClr val="C2FCEE"/>
                </a:gs>
              </a:gsLst>
              <a:lin ang="13500000" scaled="0"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47" name="Group 46">
              <a:extLst>
                <a:ext uri="{FF2B5EF4-FFF2-40B4-BE49-F238E27FC236}">
                  <a16:creationId xmlns:a16="http://schemas.microsoft.com/office/drawing/2014/main" id="{AA7A0915-0255-8A54-C565-85A3C2DAC0A0}"/>
                </a:ext>
              </a:extLst>
            </p:cNvPr>
            <p:cNvGrpSpPr/>
            <p:nvPr/>
          </p:nvGrpSpPr>
          <p:grpSpPr>
            <a:xfrm>
              <a:off x="1695490" y="2051671"/>
              <a:ext cx="2886670" cy="2642157"/>
              <a:chOff x="1695490" y="2051671"/>
              <a:chExt cx="2886670" cy="2642157"/>
            </a:xfrm>
          </p:grpSpPr>
          <p:sp>
            <p:nvSpPr>
              <p:cNvPr id="41" name="Freeform: Shape 40">
                <a:extLst>
                  <a:ext uri="{FF2B5EF4-FFF2-40B4-BE49-F238E27FC236}">
                    <a16:creationId xmlns:a16="http://schemas.microsoft.com/office/drawing/2014/main" id="{777930BB-4A54-C0A7-1108-4410F3316972}"/>
                  </a:ext>
                </a:extLst>
              </p:cNvPr>
              <p:cNvSpPr/>
              <p:nvPr/>
            </p:nvSpPr>
            <p:spPr bwMode="gray">
              <a:xfrm>
                <a:off x="1858049" y="2106140"/>
                <a:ext cx="2561552" cy="2307460"/>
              </a:xfrm>
              <a:custGeom>
                <a:avLst/>
                <a:gdLst>
                  <a:gd name="connsiteX0" fmla="*/ 1281830 w 2561552"/>
                  <a:gd name="connsiteY0" fmla="*/ 0 h 2307460"/>
                  <a:gd name="connsiteX1" fmla="*/ 2504707 w 2561552"/>
                  <a:gd name="connsiteY1" fmla="*/ 1026116 h 2307460"/>
                  <a:gd name="connsiteX2" fmla="*/ 2551781 w 2561552"/>
                  <a:gd name="connsiteY2" fmla="*/ 1051766 h 2307460"/>
                  <a:gd name="connsiteX3" fmla="*/ 2561552 w 2561552"/>
                  <a:gd name="connsiteY3" fmla="*/ 1052795 h 2307460"/>
                  <a:gd name="connsiteX4" fmla="*/ 2561552 w 2561552"/>
                  <a:gd name="connsiteY4" fmla="*/ 2307460 h 2307460"/>
                  <a:gd name="connsiteX5" fmla="*/ 0 w 2561552"/>
                  <a:gd name="connsiteY5" fmla="*/ 2307460 h 2307460"/>
                  <a:gd name="connsiteX6" fmla="*/ 0 w 2561552"/>
                  <a:gd name="connsiteY6" fmla="*/ 1053017 h 2307460"/>
                  <a:gd name="connsiteX7" fmla="*/ 11880 w 2561552"/>
                  <a:gd name="connsiteY7" fmla="*/ 1051766 h 2307460"/>
                  <a:gd name="connsiteX8" fmla="*/ 58953 w 2561552"/>
                  <a:gd name="connsiteY8" fmla="*/ 1026116 h 23074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561552" h="2307460">
                    <a:moveTo>
                      <a:pt x="1281830" y="0"/>
                    </a:moveTo>
                    <a:lnTo>
                      <a:pt x="2504707" y="1026116"/>
                    </a:lnTo>
                    <a:cubicBezTo>
                      <a:pt x="2518986" y="1038097"/>
                      <a:pt x="2535017" y="1046617"/>
                      <a:pt x="2551781" y="1051766"/>
                    </a:cubicBezTo>
                    <a:lnTo>
                      <a:pt x="2561552" y="1052795"/>
                    </a:lnTo>
                    <a:lnTo>
                      <a:pt x="2561552" y="2307460"/>
                    </a:lnTo>
                    <a:lnTo>
                      <a:pt x="0" y="2307460"/>
                    </a:lnTo>
                    <a:lnTo>
                      <a:pt x="0" y="1053017"/>
                    </a:lnTo>
                    <a:lnTo>
                      <a:pt x="11880" y="1051766"/>
                    </a:lnTo>
                    <a:cubicBezTo>
                      <a:pt x="28644" y="1046617"/>
                      <a:pt x="44675" y="1038097"/>
                      <a:pt x="58953" y="1026116"/>
                    </a:cubicBezTo>
                    <a:close/>
                  </a:path>
                </a:pathLst>
              </a:custGeom>
              <a:solidFill>
                <a:srgbClr val="FFFF00"/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wrap="square" lIns="90000" tIns="72000" rIns="90000" bIns="72000" rtlCol="0" anchor="ctr">
                <a:noAutofit/>
              </a:bodyPr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" name="Freeform: Shape 22">
                <a:extLst>
                  <a:ext uri="{FF2B5EF4-FFF2-40B4-BE49-F238E27FC236}">
                    <a16:creationId xmlns:a16="http://schemas.microsoft.com/office/drawing/2014/main" id="{013CB4FB-575B-65E6-38CC-69DD10AAFB1C}"/>
                  </a:ext>
                </a:extLst>
              </p:cNvPr>
              <p:cNvSpPr/>
              <p:nvPr/>
            </p:nvSpPr>
            <p:spPr bwMode="gray">
              <a:xfrm rot="2400000">
                <a:off x="2000562" y="2051671"/>
                <a:ext cx="2276527" cy="1953680"/>
              </a:xfrm>
              <a:custGeom>
                <a:avLst/>
                <a:gdLst>
                  <a:gd name="connsiteX0" fmla="*/ 336068 w 2276527"/>
                  <a:gd name="connsiteY0" fmla="*/ 39541 h 1953680"/>
                  <a:gd name="connsiteX1" fmla="*/ 346113 w 2276527"/>
                  <a:gd name="connsiteY1" fmla="*/ 32768 h 1953680"/>
                  <a:gd name="connsiteX2" fmla="*/ 354528 w 2276527"/>
                  <a:gd name="connsiteY2" fmla="*/ 24051 h 1953680"/>
                  <a:gd name="connsiteX3" fmla="*/ 367806 w 2276527"/>
                  <a:gd name="connsiteY3" fmla="*/ 18142 h 1953680"/>
                  <a:gd name="connsiteX4" fmla="*/ 378979 w 2276527"/>
                  <a:gd name="connsiteY4" fmla="*/ 10609 h 1953680"/>
                  <a:gd name="connsiteX5" fmla="*/ 389515 w 2276527"/>
                  <a:gd name="connsiteY5" fmla="*/ 8482 h 1953680"/>
                  <a:gd name="connsiteX6" fmla="*/ 401811 w 2276527"/>
                  <a:gd name="connsiteY6" fmla="*/ 3010 h 1953680"/>
                  <a:gd name="connsiteX7" fmla="*/ 418680 w 2276527"/>
                  <a:gd name="connsiteY7" fmla="*/ 2594 h 1953680"/>
                  <a:gd name="connsiteX8" fmla="*/ 431527 w 2276527"/>
                  <a:gd name="connsiteY8" fmla="*/ 0 h 1953680"/>
                  <a:gd name="connsiteX9" fmla="*/ 2141527 w 2276527"/>
                  <a:gd name="connsiteY9" fmla="*/ 0 h 1953680"/>
                  <a:gd name="connsiteX10" fmla="*/ 2276527 w 2276527"/>
                  <a:gd name="connsiteY10" fmla="*/ 135000 h 1953680"/>
                  <a:gd name="connsiteX11" fmla="*/ 2141527 w 2276527"/>
                  <a:gd name="connsiteY11" fmla="*/ 270000 h 1953680"/>
                  <a:gd name="connsiteX12" fmla="*/ 545175 w 2276527"/>
                  <a:gd name="connsiteY12" fmla="*/ 270000 h 1953680"/>
                  <a:gd name="connsiteX13" fmla="*/ 267971 w 2276527"/>
                  <a:gd name="connsiteY13" fmla="*/ 1842100 h 1953680"/>
                  <a:gd name="connsiteX14" fmla="*/ 111580 w 2276527"/>
                  <a:gd name="connsiteY14" fmla="*/ 1951607 h 1953680"/>
                  <a:gd name="connsiteX15" fmla="*/ 2073 w 2276527"/>
                  <a:gd name="connsiteY15" fmla="*/ 1795215 h 1953680"/>
                  <a:gd name="connsiteX16" fmla="*/ 299012 w 2276527"/>
                  <a:gd name="connsiteY16" fmla="*/ 111194 h 1953680"/>
                  <a:gd name="connsiteX17" fmla="*/ 303797 w 2276527"/>
                  <a:gd name="connsiteY17" fmla="*/ 98993 h 1953680"/>
                  <a:gd name="connsiteX18" fmla="*/ 307136 w 2276527"/>
                  <a:gd name="connsiteY18" fmla="*/ 82452 h 1953680"/>
                  <a:gd name="connsiteX19" fmla="*/ 314660 w 2276527"/>
                  <a:gd name="connsiteY19" fmla="*/ 71292 h 1953680"/>
                  <a:gd name="connsiteX20" fmla="*/ 318584 w 2276527"/>
                  <a:gd name="connsiteY20" fmla="*/ 61286 h 1953680"/>
                  <a:gd name="connsiteX21" fmla="*/ 327943 w 2276527"/>
                  <a:gd name="connsiteY21" fmla="*/ 51591 h 19536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276527" h="1953680">
                    <a:moveTo>
                      <a:pt x="336068" y="39541"/>
                    </a:moveTo>
                    <a:lnTo>
                      <a:pt x="346113" y="32768"/>
                    </a:lnTo>
                    <a:lnTo>
                      <a:pt x="354528" y="24051"/>
                    </a:lnTo>
                    <a:lnTo>
                      <a:pt x="367806" y="18142"/>
                    </a:lnTo>
                    <a:lnTo>
                      <a:pt x="378979" y="10609"/>
                    </a:lnTo>
                    <a:lnTo>
                      <a:pt x="389515" y="8482"/>
                    </a:lnTo>
                    <a:lnTo>
                      <a:pt x="401811" y="3010"/>
                    </a:lnTo>
                    <a:lnTo>
                      <a:pt x="418680" y="2594"/>
                    </a:lnTo>
                    <a:lnTo>
                      <a:pt x="431527" y="0"/>
                    </a:lnTo>
                    <a:lnTo>
                      <a:pt x="2141527" y="0"/>
                    </a:lnTo>
                    <a:cubicBezTo>
                      <a:pt x="2216085" y="0"/>
                      <a:pt x="2276527" y="60442"/>
                      <a:pt x="2276527" y="135000"/>
                    </a:cubicBezTo>
                    <a:cubicBezTo>
                      <a:pt x="2276527" y="209558"/>
                      <a:pt x="2216085" y="270000"/>
                      <a:pt x="2141527" y="270000"/>
                    </a:cubicBezTo>
                    <a:lnTo>
                      <a:pt x="545175" y="270000"/>
                    </a:lnTo>
                    <a:lnTo>
                      <a:pt x="267971" y="1842100"/>
                    </a:lnTo>
                    <a:cubicBezTo>
                      <a:pt x="255024" y="1915525"/>
                      <a:pt x="185005" y="1964553"/>
                      <a:pt x="111580" y="1951607"/>
                    </a:cubicBezTo>
                    <a:cubicBezTo>
                      <a:pt x="38154" y="1938660"/>
                      <a:pt x="-10874" y="1868640"/>
                      <a:pt x="2073" y="1795215"/>
                    </a:cubicBezTo>
                    <a:lnTo>
                      <a:pt x="299012" y="111194"/>
                    </a:lnTo>
                    <a:lnTo>
                      <a:pt x="303797" y="98993"/>
                    </a:lnTo>
                    <a:lnTo>
                      <a:pt x="307136" y="82452"/>
                    </a:lnTo>
                    <a:lnTo>
                      <a:pt x="314660" y="71292"/>
                    </a:lnTo>
                    <a:lnTo>
                      <a:pt x="318584" y="61286"/>
                    </a:lnTo>
                    <a:lnTo>
                      <a:pt x="327943" y="51591"/>
                    </a:lnTo>
                    <a:close/>
                  </a:path>
                </a:pathLst>
              </a:custGeom>
              <a:solidFill>
                <a:srgbClr val="DF1278"/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wrap="square" lIns="90000" tIns="72000" rIns="90000" bIns="72000" rtlCol="0" anchor="ctr">
                <a:noAutofit/>
              </a:bodyPr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9" name="Oval 28">
                <a:extLst>
                  <a:ext uri="{FF2B5EF4-FFF2-40B4-BE49-F238E27FC236}">
                    <a16:creationId xmlns:a16="http://schemas.microsoft.com/office/drawing/2014/main" id="{0B5EC1F5-7D0F-8A75-739A-81EE44F6FD69}"/>
                  </a:ext>
                </a:extLst>
              </p:cNvPr>
              <p:cNvSpPr/>
              <p:nvPr/>
            </p:nvSpPr>
            <p:spPr bwMode="gray">
              <a:xfrm>
                <a:off x="2958606" y="2648191"/>
                <a:ext cx="360000" cy="360000"/>
              </a:xfrm>
              <a:prstGeom prst="ellipse">
                <a:avLst/>
              </a:prstGeom>
              <a:solidFill>
                <a:schemeClr val="accent2">
                  <a:lumMod val="40000"/>
                  <a:lumOff val="60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43" name="Freeform: Shape 42">
                <a:extLst>
                  <a:ext uri="{FF2B5EF4-FFF2-40B4-BE49-F238E27FC236}">
                    <a16:creationId xmlns:a16="http://schemas.microsoft.com/office/drawing/2014/main" id="{ACF46728-A20A-E8DB-F349-2181A6099B05}"/>
                  </a:ext>
                </a:extLst>
              </p:cNvPr>
              <p:cNvSpPr/>
              <p:nvPr/>
            </p:nvSpPr>
            <p:spPr bwMode="gray">
              <a:xfrm>
                <a:off x="2133600" y="3322320"/>
                <a:ext cx="825006" cy="1091280"/>
              </a:xfrm>
              <a:custGeom>
                <a:avLst/>
                <a:gdLst>
                  <a:gd name="connsiteX0" fmla="*/ 137504 w 825006"/>
                  <a:gd name="connsiteY0" fmla="*/ 0 h 1091280"/>
                  <a:gd name="connsiteX1" fmla="*/ 687502 w 825006"/>
                  <a:gd name="connsiteY1" fmla="*/ 0 h 1091280"/>
                  <a:gd name="connsiteX2" fmla="*/ 825006 w 825006"/>
                  <a:gd name="connsiteY2" fmla="*/ 137504 h 1091280"/>
                  <a:gd name="connsiteX3" fmla="*/ 825006 w 825006"/>
                  <a:gd name="connsiteY3" fmla="*/ 1091280 h 1091280"/>
                  <a:gd name="connsiteX4" fmla="*/ 0 w 825006"/>
                  <a:gd name="connsiteY4" fmla="*/ 1091280 h 1091280"/>
                  <a:gd name="connsiteX5" fmla="*/ 0 w 825006"/>
                  <a:gd name="connsiteY5" fmla="*/ 137504 h 1091280"/>
                  <a:gd name="connsiteX6" fmla="*/ 137504 w 825006"/>
                  <a:gd name="connsiteY6" fmla="*/ 0 h 10912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825006" h="1091280">
                    <a:moveTo>
                      <a:pt x="137504" y="0"/>
                    </a:moveTo>
                    <a:lnTo>
                      <a:pt x="687502" y="0"/>
                    </a:lnTo>
                    <a:cubicBezTo>
                      <a:pt x="763443" y="0"/>
                      <a:pt x="825006" y="61563"/>
                      <a:pt x="825006" y="137504"/>
                    </a:cubicBezTo>
                    <a:lnTo>
                      <a:pt x="825006" y="1091280"/>
                    </a:lnTo>
                    <a:lnTo>
                      <a:pt x="0" y="1091280"/>
                    </a:lnTo>
                    <a:lnTo>
                      <a:pt x="0" y="137504"/>
                    </a:lnTo>
                    <a:cubicBezTo>
                      <a:pt x="0" y="61563"/>
                      <a:pt x="61563" y="0"/>
                      <a:pt x="137504" y="0"/>
                    </a:cubicBezTo>
                    <a:close/>
                  </a:path>
                </a:pathLst>
              </a:custGeom>
              <a:solidFill>
                <a:schemeClr val="accent2">
                  <a:lumMod val="40000"/>
                  <a:lumOff val="60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wrap="square" lIns="90000" tIns="72000" rIns="90000" bIns="72000" rtlCol="0" anchor="ctr">
                <a:noAutofit/>
              </a:bodyPr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7" name="Rectangle: Rounded Corners 16">
                <a:extLst>
                  <a:ext uri="{FF2B5EF4-FFF2-40B4-BE49-F238E27FC236}">
                    <a16:creationId xmlns:a16="http://schemas.microsoft.com/office/drawing/2014/main" id="{02A31D01-612A-D8D6-71D4-A48E38FC5F0D}"/>
                  </a:ext>
                </a:extLst>
              </p:cNvPr>
              <p:cNvSpPr/>
              <p:nvPr/>
            </p:nvSpPr>
            <p:spPr bwMode="gray">
              <a:xfrm>
                <a:off x="1695490" y="4414156"/>
                <a:ext cx="2886670" cy="279672"/>
              </a:xfrm>
              <a:prstGeom prst="roundRect">
                <a:avLst>
                  <a:gd name="adj" fmla="val 50000"/>
                </a:avLst>
              </a:prstGeom>
              <a:solidFill>
                <a:srgbClr val="FF0000"/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31" name="Rectangle: Rounded Corners 30">
                <a:extLst>
                  <a:ext uri="{FF2B5EF4-FFF2-40B4-BE49-F238E27FC236}">
                    <a16:creationId xmlns:a16="http://schemas.microsoft.com/office/drawing/2014/main" id="{D65A2B60-774A-2F5D-6845-04E3C1EF07AD}"/>
                  </a:ext>
                </a:extLst>
              </p:cNvPr>
              <p:cNvSpPr/>
              <p:nvPr/>
            </p:nvSpPr>
            <p:spPr bwMode="gray">
              <a:xfrm>
                <a:off x="3315490" y="3302000"/>
                <a:ext cx="825006" cy="721360"/>
              </a:xfrm>
              <a:prstGeom prst="roundRect">
                <a:avLst/>
              </a:prstGeom>
              <a:solidFill>
                <a:schemeClr val="accent2">
                  <a:lumMod val="40000"/>
                  <a:lumOff val="60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34" name="Rectangle: Top Corners Rounded 33">
                <a:extLst>
                  <a:ext uri="{FF2B5EF4-FFF2-40B4-BE49-F238E27FC236}">
                    <a16:creationId xmlns:a16="http://schemas.microsoft.com/office/drawing/2014/main" id="{A77B0502-AEAB-6B08-FC3F-4CE593349AC5}"/>
                  </a:ext>
                </a:extLst>
              </p:cNvPr>
              <p:cNvSpPr/>
              <p:nvPr/>
            </p:nvSpPr>
            <p:spPr bwMode="gray">
              <a:xfrm>
                <a:off x="3315491" y="3296648"/>
                <a:ext cx="825006" cy="279672"/>
              </a:xfrm>
              <a:prstGeom prst="round2SameRect">
                <a:avLst>
                  <a:gd name="adj1" fmla="val 50000"/>
                  <a:gd name="adj2" fmla="val 0"/>
                </a:avLst>
              </a:prstGeom>
              <a:solidFill>
                <a:schemeClr val="tx2">
                  <a:lumMod val="75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36" name="Rectangle: Rounded Corners 35">
                <a:extLst>
                  <a:ext uri="{FF2B5EF4-FFF2-40B4-BE49-F238E27FC236}">
                    <a16:creationId xmlns:a16="http://schemas.microsoft.com/office/drawing/2014/main" id="{C1BD7FA6-181B-7426-E70D-5F0D0253DDD9}"/>
                  </a:ext>
                </a:extLst>
              </p:cNvPr>
              <p:cNvSpPr/>
              <p:nvPr/>
            </p:nvSpPr>
            <p:spPr bwMode="gray">
              <a:xfrm>
                <a:off x="2659288" y="3850316"/>
                <a:ext cx="152168" cy="122918"/>
              </a:xfrm>
              <a:prstGeom prst="roundRect">
                <a:avLst>
                  <a:gd name="adj" fmla="val 37601"/>
                </a:avLst>
              </a:prstGeom>
              <a:solidFill>
                <a:srgbClr val="00144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</p:grp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492D01C3-81B4-983A-FD0A-CF83B4ACAA83}"/>
              </a:ext>
            </a:extLst>
          </p:cNvPr>
          <p:cNvSpPr/>
          <p:nvPr/>
        </p:nvSpPr>
        <p:spPr bwMode="gray">
          <a:xfrm rot="2400000">
            <a:off x="2803526" y="2338847"/>
            <a:ext cx="1980000" cy="270000"/>
          </a:xfrm>
          <a:prstGeom prst="roundRect">
            <a:avLst>
              <a:gd name="adj" fmla="val 50000"/>
            </a:avLst>
          </a:prstGeom>
          <a:noFill/>
          <a:ln w="762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B46F9026-889A-C76C-F83A-DF50F5D6C37B}"/>
              </a:ext>
            </a:extLst>
          </p:cNvPr>
          <p:cNvSpPr/>
          <p:nvPr/>
        </p:nvSpPr>
        <p:spPr bwMode="gray">
          <a:xfrm rot="-2400000">
            <a:off x="1494156" y="2338847"/>
            <a:ext cx="1980000" cy="270000"/>
          </a:xfrm>
          <a:prstGeom prst="roundRect">
            <a:avLst>
              <a:gd name="adj" fmla="val 50000"/>
            </a:avLst>
          </a:prstGeom>
          <a:noFill/>
          <a:ln w="762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1655543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distinct":false,"hideIfNoUserInteractionRequired":false,"required":false,"defaultValue":" SAP Corporate","autoSelectFirstOption":false,"shareValue":false,"type":"dropDown","dataSourceName":"PPTSubBrandLogos2023","dataSourceFieldName":"Name","name":"SAPLogo","label":"Select Template"},{"distinct":false,"hideIfNoUserInteractionRequired":false,"required":false,"defaultValue":"INTERNAL - SAP Only","autoSelectFirstOption":false,"shareValue":false,"type":"dropDown","dataSourceName":"Classification","dataSourceFieldName":"Name","name":"Classification","label":"Select Classification"}],"formDataEntries":[]}]]></TemplafyFormConfiguration>
</file>

<file path=customXml/item4.xml><?xml version="1.0" encoding="utf-8"?>
<TemplafySlideTemplateConfiguration><![CDATA[{"slideVersion":1,"isValidatorEnabled":false,"isLocked":false,"elementsMetadata":[],"slideId":"638332923623002646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7.xml><?xml version="1.0" encoding="utf-8"?>
<TemplafyTemplateConfiguration><![CDATA[{"elementsMetadata":[{"type":"shape","id":"cc8e468e-a684-4436-bb3e-1297295cb50d","elementConfiguration":{"binding":"{{ DataSources.Classification[Form.Classification.Name].Display}}","type":"text","disableUpdates":false}},{"type":"shape","id":"de91e729-5bb1-4795-9fea-362174f4747e","elementConfiguration":{"inheritDimensions":"{{InheritDimensions.InheritNone}}","width":"","height":"1 cm","image":"{{Form.SAPLogo.SubbrandBlue}}","visibility":"","type":"image","disableUpdates":false}},{"type":"shape","id":"a7bfa048-fe09-4bc0-9368-3d4a05fc6694","elementConfiguration":{"binding":"{{Form.Classification.Display}}","visibility":"","type":"text","disableUpdates":false}},{"type":"shape","id":"115e00a6-ce74-42db-968b-978229784cdb","elementConfiguration":{"binding":"{{Form.Classification.Display}}","visibility":"","type":"text","disableUpdates":false}},{"type":"shape","id":"29484993-5489-474a-8d89-6f9d7f37ddde","elementConfiguration":{"inheritDimensions":"{{InheritDimensions.InheritNone}}","width":"","height":"1 cm","image":"{{Form.SAPLogo.SubbrandBlack}}","visibility":"","type":"image","disableUpdates":false}},{"type":"shape","id":"33a95fff-b2fb-4d19-bcbf-974d4dc636ad","elementConfiguration":{"inheritDimensions":"{{InheritDimensions.InheritNone}}","width":"","height":"1 cm","image":"{{Form.SAPLogo.SubbrandWhite}}","visibility":"","type":"image","disableUpdates":false}},{"type":"shape","id":"1e847fea-e6bf-426f-bd13-589b4eb52b32","elementConfiguration":{"binding":"{{Form.Classification.Display}}","visibility":"","type":"text","disableUpdates":false}},{"type":"shape","id":"a0ac9992-fd82-4d9f-9f8f-3c4e61abfea7","elementConfiguration":{"inheritDimensions":"{{InheritDimensions.InheritNone}}","width":"","height":"1 cm","image":"{{Form.SAPLogo.SubbrandBlue}}","visibility":"","type":"image","disableUpdates":false}},{"type":"shape","id":"875588db-ab0c-48df-b14c-bba850e89fd4","elementConfiguration":{"binding":"{{Form.Classification.Display}}","visibility":"","type":"text","disableUpdates":false}},{"type":"shape","id":"ca80d2d7-4d92-4ba5-afad-4c3f10f43ed2","elementConfiguration":{"inheritDimensions":"{{InheritDimensions.InheritNone}}","width":"","height":"1 cm","image":"{{Form.SAPLogo.SubbrandBlue}}","visibility":"","type":"image","disableUpdates":false}},{"type":"shape","id":"913d0042-08d6-4f76-9998-0e07de5e0e91","elementConfiguration":{"binding":"{{Form.Classification.Display}}","visibility":"","type":"text","disableUpdates":false}},{"type":"shape","id":"529053bf-483d-4029-80cb-c2f664cb9b85","elementConfiguration":{"inheritDimensions":"{{InheritDimensions.InheritNone}}","width":"","height":"1 cm","image":"{{Form.SAPLogo.SubbrandBlack}}","visibility":"","type":"image","disableUpdates":false}},{"type":"shape","id":"8bc02bef-9b28-4859-a5a0-1b7f9f164ef6","elementConfiguration":{"binding":"{{Form.Classification.Display}}","visibility":"","type":"text","disableUpdates":false}},{"type":"shape","id":"93ca9c6a-8a49-4268-811a-224367b582f8","elementConfiguration":{"inheritDimensions":"{{InheritDimensions.InheritNone}}","width":"","height":"1 cm","image":"{{Form.SAPLogo.SubbrandWhite}}","visibility":"","type":"image","disableUpdates":false}},{"type":"shape","id":"60cd6c4d-0e48-44d1-98b0-ffa88a49d4b4","elementConfiguration":{"binding":"{{Form.Classification.Display}}","visibility":"","type":"text","disableUpdates":false}},{"type":"shape","id":"01a973d9-245c-46ba-8ba4-102fe29ea57c","elementConfiguration":{"inheritDimensions":"{{InheritDimensions.InheritNone}}","width":"","height":"1 cm","image":"{{Form.SAPLogo.SubbrandWhite}}","visibility":"","type":"image","disableUpdates":false}},{"type":"shape","id":"e2f30211-6978-4a1c-ae71-caa5a60aaeb9","elementConfiguration":{"binding":"{{Form.Classification.Display}}","visibility":"","type":"text","disableUpdates":false}},{"type":"shape","id":"f6c71bc2-28d7-43eb-b32c-7d33ea1ef0f4","elementConfiguration":{"inheritDimensions":"{{InheritDimensions.InheritNone}}","width":"","height":"1 cm","image":"{{Form.SAPLogo.SubbrandBlue}}","visibility":"","type":"image","disableUpdates":false}},{"type":"shape","id":"2dc8061e-0f1c-4b16-a9d5-7042717da8d3","elementConfiguration":{"binding":"{{Form.Classification.Display}}","visibility":"","type":"text","disableUpdates":false}},{"type":"shape","id":"a2d983ff-7e26-44a8-ae56-49716b6efc9d","elementConfiguration":{"inheritDimensions":"{{InheritDimensions.InheritNone}}","width":"","height":"1 cm","image":"{{Form.SAPLogo.SubbrandWhite}}","visibility":"","type":"image","disableUpdates":false}},{"type":"shape","id":"a5adb6d0-6bfb-4c6b-ba9f-cc85b698ab79","elementConfiguration":{"binding":"{{Form.Classification.Display}}","visibility":"","type":"text","disableUpdates":false}},{"type":"shape","id":"c7b4e9f9-3f6f-4e3b-9d75-9af04fe7bfb8","elementConfiguration":{"binding":"{{DataSources.PPTCopyRight[\"Slide 5 copyright\"].CopyrightMessage}}","visibility":"","type":"text","disableUpdates":false}},{"type":"shape","id":"cac4713c-bd58-4793-baf6-c43fc9874ce4","elementConfiguration":{"inheritDimensions":"{{InheritDimensions.InheritNone}}","width":"","height":"1 cm","image":"{{Form.SAPLogo.SubbrandBlack}}","visibility":"","type":"image","disableUpdates":false}},{"type":"shape","id":"f74c119a-3bfe-44fd-9158-8a12b2d79096","elementConfiguration":{"binding":"{{Form.Classification.Display}}","visibility":"","type":"text","disableUpdates":false}},{"type":"shape","id":"6b80313d-2fb5-4787-a28f-c35e41640fad","elementConfiguration":{"inheritDimensions":"{{InheritDimensions.InheritNone}}","width":"","height":"1 cm","image":"{{Form.SAPLogo.SubbrandWhite}}","visibility":"","type":"image","disableUpdates":false}},{"type":"shape","id":"ecff37a8-d50d-48a9-baf4-f0d3e6dbf3b4","elementConfiguration":{"binding":"{{Form.Classification.Display}}","visibility":"","type":"text","disableUpdates":false}}],"transformationConfigurations":[],"templateName":"Blank - PowerPoint_20231019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C49FFC8-2FF3-4057-96F0-3BCD1A4F0351}">
  <ds:schemaRefs/>
</ds:datastoreItem>
</file>

<file path=customXml/itemProps4.xml><?xml version="1.0" encoding="utf-8"?>
<ds:datastoreItem xmlns:ds="http://schemas.openxmlformats.org/officeDocument/2006/customXml" ds:itemID="{2E566E46-38D1-4FF6-AC12-AFCFCA15E440}">
  <ds:schemaRefs/>
</ds:datastoreItem>
</file>

<file path=customXml/itemProps5.xml><?xml version="1.0" encoding="utf-8"?>
<ds:datastoreItem xmlns:ds="http://schemas.openxmlformats.org/officeDocument/2006/customXml" ds:itemID="{91D4C477-4CBF-4833-A763-167B6759CA65}">
  <ds:schemaRefs/>
</ds:datastoreItem>
</file>

<file path=customXml/itemProps6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0</Words>
  <Application>Microsoft Office PowerPoint</Application>
  <PresentationFormat>Custom</PresentationFormat>
  <Paragraphs>0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11" baseType="lpstr">
      <vt:lpstr>Roboto</vt:lpstr>
      <vt:lpstr>Arial</vt:lpstr>
      <vt:lpstr>72 Brand</vt:lpstr>
      <vt:lpstr>wingdings</vt:lpstr>
      <vt:lpstr>72 Brand Medium</vt:lpstr>
      <vt:lpstr>Symbol</vt:lpstr>
      <vt:lpstr>Courier New</vt:lpstr>
      <vt:lpstr>wingdings</vt:lpstr>
      <vt:lpstr>SAP Template 2023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Baedorf, Cedrik</dc:creator>
  <cp:keywords>2023/16:9/white</cp:keywords>
  <dc:description/>
  <cp:lastModifiedBy>Baedorf, Cedrik</cp:lastModifiedBy>
  <cp:revision>1</cp:revision>
  <dcterms:created xsi:type="dcterms:W3CDTF">2023-10-24T12:19:08Z</dcterms:created>
  <dcterms:modified xsi:type="dcterms:W3CDTF">2023-10-27T14:52:5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10-19T06:06:02</vt:lpwstr>
  </property>
  <property fmtid="{D5CDD505-2E9C-101B-9397-08002B2CF9AE}" pid="10" name="TemplafyTenantId">
    <vt:lpwstr>sap</vt:lpwstr>
  </property>
  <property fmtid="{D5CDD505-2E9C-101B-9397-08002B2CF9AE}" pid="11" name="TemplafyTemplateId">
    <vt:lpwstr>757944571296481284</vt:lpwstr>
  </property>
  <property fmtid="{D5CDD505-2E9C-101B-9397-08002B2CF9AE}" pid="12" name="TemplafyUserProfileId">
    <vt:lpwstr>637709493458800795</vt:lpwstr>
  </property>
  <property fmtid="{D5CDD505-2E9C-101B-9397-08002B2CF9AE}" pid="13" name="TemplafyLanguageCode">
    <vt:lpwstr>en-US</vt:lpwstr>
  </property>
  <property fmtid="{D5CDD505-2E9C-101B-9397-08002B2CF9AE}" pid="14" name="TemplafyFromBlank">
    <vt:bool>true</vt:bool>
  </property>
</Properties>
</file>